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107" d="100"/>
          <a:sy n="107" d="100"/>
        </p:scale>
        <p:origin x="2320" y="16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9/4/20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03</TotalTime>
  <Words>66</Words>
  <Application>Microsoft Macintosh PowerPoint</Application>
  <PresentationFormat>Custom</PresentationFormat>
  <Paragraphs>10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Arial Narrow</vt:lpstr>
      <vt:lpstr>Calibr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Isabelle Chamberlain</cp:lastModifiedBy>
  <cp:revision>865</cp:revision>
  <cp:lastPrinted>2020-01-28T09:55:08Z</cp:lastPrinted>
  <dcterms:created xsi:type="dcterms:W3CDTF">2015-06-19T14:55:37Z</dcterms:created>
  <dcterms:modified xsi:type="dcterms:W3CDTF">2020-09-04T00:44:55Z</dcterms:modified>
</cp:coreProperties>
</file>